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876" autoAdjust="0"/>
    <p:restoredTop sz="94660"/>
  </p:normalViewPr>
  <p:slideViewPr>
    <p:cSldViewPr snapToGrid="0">
      <p:cViewPr varScale="1">
        <p:scale>
          <a:sx n="105" d="100"/>
          <a:sy n="105" d="100"/>
        </p:scale>
        <p:origin x="726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AC665B-C287-4716-B24E-8363B76BD1F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7A64609-1F6F-472F-9ACB-C4EABBF8119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758C98-ACCC-4582-9C82-E1FAEBA74E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91DF8E-7BC4-458E-9B9C-0C41C7BAF4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7EBEAF8-F1DB-4071-8A91-69236F0B70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300768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039EC4-4569-4964-BCC3-947EDEDD74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8EA7F8A-E820-4816-A16B-230BE72165A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596D542-E4C3-4C0D-B0FA-18B57CBA9F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A459A2-6B0D-47FF-A475-AC87117D4A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4FCD633-0633-4A57-984B-C57AA66568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97544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AE3C1D9C-AD8A-4EC1-8E92-735970A333B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2DEB9B5-815B-4652-9647-A97AB0B16C5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665A2D-D0F3-4EDE-917B-C11F0AFA46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4079F7-7252-459A-98FA-3184BAEEC1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4EDB6C-8DD6-4952-94F5-83E248B984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160033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81CED8-0D6B-45E2-938E-75005D7390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97FA8AA-FF19-4CC5-AC62-654F10E4304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133BF69-DC31-4DDC-B422-0E6D53DB5F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9C9BA45-51A8-42CE-9D50-9294A425FD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946E654-6520-4F8B-8ECC-B3EE555DF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026373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71D3B9-4C7C-4C64-85F7-167E7F3DB0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626BDEE-84B9-4B86-BAB0-23BF7D28C5C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50A3C7-ADF0-4992-A59D-8B61AF9B27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D12427E-6BED-4C62-8572-CFE79B3267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6057789-F1FE-4370-BDA7-B9E06D45E1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317158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83ED90-D347-4528-A35A-BB34ADA442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48A2AD-3491-448E-BE90-3DE85D672C0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735ADC1-30A5-4BE0-87CF-3BF73CCD181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C76DE2B-08D0-40C8-95D3-82C9713909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6FADDF2-7488-42AB-8EC4-365A150CEC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0DFF7AC-FF7B-4334-A251-01FCAD4715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310515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9ACD1C-3D12-40BD-9B8E-819BFBC076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E46EDC-5AC2-4941-B7F9-30071F3A811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76A6955-8A3E-4E36-9B3A-76621EDDA4D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333DDED-7EEE-4DB0-8C55-66A6B16F196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2D547A5-6248-4A21-A346-7424EE7DA59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F60C8B5-B572-42A2-80F7-84AB3F98E3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CF12881-14B2-4DD1-9249-D82E538229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1FDF30-7271-40C7-B0EB-723937401D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948709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B4B345-4D9D-46A7-ABBB-D056F3A02E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4689A42-012B-4A66-B43F-54CBC7DDFC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9688751-BBF7-4B11-B556-0609B2D06C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C147672-3146-41FC-81DB-58AA2317F3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8684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6D060C-88BF-414E-869D-169CE779FD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8B7B15A-23C2-4D80-846F-BE1282E854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E8FD733-BBC3-48FA-B431-93ED89BDCA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26443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6628FC-949E-4E60-8A6A-7772636342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0C534F3-C3B1-4E30-9947-5A9632AA339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59A57BE-F8C0-4F62-AA95-BF404BB091C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5B6ABE9-C75C-4B47-BE38-5B77A64181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DE950B0-3282-4A89-A501-E83AD57E74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EDE18F-2EA2-47D3-A981-D7BC798AC3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3582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9B3032-12A4-4BB4-93E2-B3AD371A22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008FC66-DE64-4BB9-8B34-E052219E739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D10FB26-6152-4D1B-8C54-AFFF3498BB9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114C4FB-945D-4BA4-87B0-3E03E90A89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8E0AA35-FD9B-48C6-9972-A77CCC75D9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6EAB853-CDB6-4A0E-9751-9F9A4BD0B8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659888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9D9E4FF-4DB1-4CA6-B127-1EED7A2371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1F00777-13A2-414F-81BE-6A5DDDA5B56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B3800EE-37B2-4F1C-A599-F5FD9460695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E892806-0E93-4BEC-96BC-F119D77BFFB9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C3F5F9-0CBB-42A2-8049-E3AFF6A89E3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3CF2A3-7156-4C2F-A1C0-AE27A2AFCF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89977A-0F42-42B6-81E6-F6C325BE63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285467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image" Target="../media/image3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CCCB7C99-5BB9-49BD-8314-F834F290C35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538353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 spc="-24">
                <a:solidFill>
                  <a:srgbClr val="809EC2"/>
                </a:solidFill>
                <a:latin typeface="Arial" panose="020B060402020202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15ED26E-E208-4ADE-92E9-5BEA15968D7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35494" y="538353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 spc="-24">
                <a:solidFill>
                  <a:srgbClr val="809EC2"/>
                </a:solidFill>
                <a:latin typeface="Arial" panose="020B0604020202020204" pitchFamily="34" charset="0"/>
              </a:rPr>
              <a:t>2026</a:t>
            </a:r>
          </a:p>
        </p:txBody>
      </p:sp>
      <p:cxnSp>
        <p:nvCxnSpPr>
          <p:cNvPr id="29" name="OTLSHAPE_M_0adf015e4366434e8d5115e83edbe5d3_Connector1">
            <a:extLst>
              <a:ext uri="{FF2B5EF4-FFF2-40B4-BE49-F238E27FC236}">
                <a16:creationId xmlns:a16="http://schemas.microsoft.com/office/drawing/2014/main" id="{EE383095-DD48-46B8-9031-123B5BBCA35D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303769" y="4563217"/>
            <a:ext cx="0" cy="311115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M_0adf015e4366434e8d5115e83edbe5d3_Connector2">
            <a:extLst>
              <a:ext uri="{FF2B5EF4-FFF2-40B4-BE49-F238E27FC236}">
                <a16:creationId xmlns:a16="http://schemas.microsoft.com/office/drawing/2014/main" id="{0B454E75-FBDD-E809-77EB-4593217DD3C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03769" y="5005776"/>
            <a:ext cx="0" cy="274884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DC48875-0D91-478B-BC61-6FED6D0EE5E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905" y="5280660"/>
            <a:ext cx="10579100" cy="381000"/>
          </a:xfrm>
          <a:prstGeom prst="rect">
            <a:avLst/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9B97FD9-79BE-4740-A221-3BCA1457E10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8905" y="5280660"/>
            <a:ext cx="1511300" cy="381000"/>
          </a:xfrm>
          <a:prstGeom prst="rect">
            <a:avLst/>
          </a:prstGeom>
          <a:solidFill>
            <a:srgbClr val="E2EFD8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5288E080-0034-4DDB-B1EA-DA55398752B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262818" y="566166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41265A-7B76-4203-AD42-BEC04B27033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113920" y="5788660"/>
            <a:ext cx="409343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22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14AB185-E962-44CD-B688-9A72A306890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872405" y="5405438"/>
            <a:ext cx="17953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A5B952B-9F49-453B-ACDD-A7D5D0822DF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833695" y="5405438"/>
            <a:ext cx="18594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Jun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FD19D92D-2737-4810-A998-8479DFDEE691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794985" y="5405438"/>
            <a:ext cx="205184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Aug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6955229-AB80-4207-A914-2224CE2F94A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756275" y="5405438"/>
            <a:ext cx="17953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Oct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6BAB499C-BA82-4844-BC7A-F6EAB051A73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717565" y="5405438"/>
            <a:ext cx="205184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Dec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FD9A32C-690C-47A3-B56E-6ABD5B43148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694614" y="5405438"/>
            <a:ext cx="198772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Feb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459F17E7-7D90-4BAC-8BB6-6A0D16F30AC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624386" y="5405438"/>
            <a:ext cx="17953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Apr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7466F01D-AE43-4683-AA0B-3C530A4F69C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585677" y="5405438"/>
            <a:ext cx="18594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Jun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564D2815-7A51-4A9A-BBE8-6DA32CB5CFD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546966" y="5405438"/>
            <a:ext cx="205184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Aug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BB105619-FA78-4EE4-AEAA-8D54D1328815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508256" y="5405438"/>
            <a:ext cx="17953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6BA0004E-C5A7-4639-BE5F-19B14FC77CA3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0469546" y="5405438"/>
            <a:ext cx="205184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Dec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75994A2-23DC-4139-BAAD-9CB2F4F5411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770195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06F45F3E-16BA-4C47-AC2A-7E79B5CFB29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731485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94B68E7F-04A9-4A43-80C4-68B17C72BFD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692775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4686063C-42A7-4D1D-8869-FD9036D9E43C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654065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07E571EE-54FE-4C4F-A312-BC8D9443898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631114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3CDAC11A-DDDC-480F-B015-002CEFA12BD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56088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5C930422-9E69-4E1A-8438-563739F054D2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52217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182C40D0-1795-457E-802C-EEFF36E2D28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48346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8AE421E5-537B-466F-920B-02FF3E45632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44475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86646555-C33C-494A-85AC-11138DDCB22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040604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OTLSHAPE_T_b29d40f785434ae9a8c6b715e88e2144_Shape">
            <a:extLst>
              <a:ext uri="{FF2B5EF4-FFF2-40B4-BE49-F238E27FC236}">
                <a16:creationId xmlns:a16="http://schemas.microsoft.com/office/drawing/2014/main" id="{557941C7-5DBC-44D9-8B68-64DB4FFC07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18635" y="957968"/>
            <a:ext cx="101600" cy="101600"/>
          </a:xfrm>
          <a:prstGeom prst="chevron">
            <a:avLst/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7" name="OTLSHAPE_T_7f6dc3f6e01a489e9ed4988a7e6cb427_Shape">
            <a:extLst>
              <a:ext uri="{FF2B5EF4-FFF2-40B4-BE49-F238E27FC236}">
                <a16:creationId xmlns:a16="http://schemas.microsoft.com/office/drawing/2014/main" id="{BCDA0CD2-F540-4D2C-B055-9B35E049020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81671" y="1127513"/>
            <a:ext cx="5080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fc5a4a21309344d2bdc436618d8f8bdd_Shape">
            <a:extLst>
              <a:ext uri="{FF2B5EF4-FFF2-40B4-BE49-F238E27FC236}">
                <a16:creationId xmlns:a16="http://schemas.microsoft.com/office/drawing/2014/main" id="{522914FB-BAFD-4DDD-9E66-CE08B68288A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97430" y="1297058"/>
            <a:ext cx="2159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T_8c7f97dda34c49b8b71503e2d99209e7_Shape">
            <a:extLst>
              <a:ext uri="{FF2B5EF4-FFF2-40B4-BE49-F238E27FC236}">
                <a16:creationId xmlns:a16="http://schemas.microsoft.com/office/drawing/2014/main" id="{3587BB72-7B62-4CCC-8C88-282C3CE95BF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376224" y="1466603"/>
            <a:ext cx="7493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3e4e07ab416944e2b3ca901681c78e52_Shape">
            <a:extLst>
              <a:ext uri="{FF2B5EF4-FFF2-40B4-BE49-F238E27FC236}">
                <a16:creationId xmlns:a16="http://schemas.microsoft.com/office/drawing/2014/main" id="{237E61EC-13D3-4F71-91CE-1C2543BDC3A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502295" y="1636148"/>
            <a:ext cx="4064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6c6a10ee741243e2b3443e4e986ffc82_Shape">
            <a:extLst>
              <a:ext uri="{FF2B5EF4-FFF2-40B4-BE49-F238E27FC236}">
                <a16:creationId xmlns:a16="http://schemas.microsoft.com/office/drawing/2014/main" id="{8083B695-D076-40ED-8D61-88C2A210CE9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770195" y="1805693"/>
            <a:ext cx="14732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T_836b9328a93b417e84cf7810f5ab321b_Shape">
            <a:extLst>
              <a:ext uri="{FF2B5EF4-FFF2-40B4-BE49-F238E27FC236}">
                <a16:creationId xmlns:a16="http://schemas.microsoft.com/office/drawing/2014/main" id="{BA5F6919-D6C9-45DA-8CED-52C1760E88C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848989" y="1975238"/>
            <a:ext cx="92075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_9a47a1df0b8540aa93ed63c850df8e3a_Shape">
            <a:extLst>
              <a:ext uri="{FF2B5EF4-FFF2-40B4-BE49-F238E27FC236}">
                <a16:creationId xmlns:a16="http://schemas.microsoft.com/office/drawing/2014/main" id="{480486A8-66B7-4D1F-A471-EC543B19AB5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731485" y="2144783"/>
            <a:ext cx="5080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4d1f564651134608bd65b4e6056c2055_Shape">
            <a:extLst>
              <a:ext uri="{FF2B5EF4-FFF2-40B4-BE49-F238E27FC236}">
                <a16:creationId xmlns:a16="http://schemas.microsoft.com/office/drawing/2014/main" id="{D4A69D86-8CE0-44D0-B13C-FB25FDCCB01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220010" y="2314328"/>
            <a:ext cx="6248400" cy="1016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e4be7344ffa14467853c0f437d73b027_Shape">
            <a:extLst>
              <a:ext uri="{FF2B5EF4-FFF2-40B4-BE49-F238E27FC236}">
                <a16:creationId xmlns:a16="http://schemas.microsoft.com/office/drawing/2014/main" id="{807A7571-57A4-4E22-950D-8BB365F06F5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944917" y="2483873"/>
            <a:ext cx="6985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b385f9fcb1e34b13ac66347b630bd93d_Shape">
            <a:extLst>
              <a:ext uri="{FF2B5EF4-FFF2-40B4-BE49-F238E27FC236}">
                <a16:creationId xmlns:a16="http://schemas.microsoft.com/office/drawing/2014/main" id="{8532C319-0712-4AE3-857F-8215D1101EA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692775" y="2653418"/>
            <a:ext cx="3822700" cy="1016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d848e1a3952b4f16ab48baa034e2f5e2_Shape">
            <a:extLst>
              <a:ext uri="{FF2B5EF4-FFF2-40B4-BE49-F238E27FC236}">
                <a16:creationId xmlns:a16="http://schemas.microsoft.com/office/drawing/2014/main" id="{96A1CDC2-6182-4FC1-B96D-E84E5C428D4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338888" y="2822963"/>
            <a:ext cx="4572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" name="OTLSHAPE_T_d63058f2b446464ab6fb99f699163962_Shape">
            <a:extLst>
              <a:ext uri="{FF2B5EF4-FFF2-40B4-BE49-F238E27FC236}">
                <a16:creationId xmlns:a16="http://schemas.microsoft.com/office/drawing/2014/main" id="{65607C49-7A96-4F13-9910-4CC4016E807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142590" y="2992508"/>
            <a:ext cx="28575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a4fde2b25b27405b8610a82656501a26_Shape">
            <a:extLst>
              <a:ext uri="{FF2B5EF4-FFF2-40B4-BE49-F238E27FC236}">
                <a16:creationId xmlns:a16="http://schemas.microsoft.com/office/drawing/2014/main" id="{0913908D-FF54-4572-9102-2EAEDBDA0B8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158348" y="3162053"/>
            <a:ext cx="584200" cy="101600"/>
          </a:xfrm>
          <a:prstGeom prst="chevron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61" name="OTLSHAPE_T_cc1bddb21a804a4eba103fd013285d36_Shape">
            <a:extLst>
              <a:ext uri="{FF2B5EF4-FFF2-40B4-BE49-F238E27FC236}">
                <a16:creationId xmlns:a16="http://schemas.microsoft.com/office/drawing/2014/main" id="{E9BE33EE-491A-43A7-BB67-71CED32AF36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788702" y="3331598"/>
            <a:ext cx="508000" cy="101600"/>
          </a:xfrm>
          <a:prstGeom prst="chevron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69" name="OTLSHAPE_T_1613c6e3f124447b870c0b4f3050ff72_Shape">
            <a:extLst>
              <a:ext uri="{FF2B5EF4-FFF2-40B4-BE49-F238E27FC236}">
                <a16:creationId xmlns:a16="http://schemas.microsoft.com/office/drawing/2014/main" id="{D912BCE4-F07B-4EB2-B11F-B49C1534255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135397" y="3501143"/>
            <a:ext cx="241300" cy="101600"/>
          </a:xfrm>
          <a:prstGeom prst="chevron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7" name="OTLSHAPE_T_e63b9ec98c2e44f5834d6c30b266840e_Shape">
            <a:extLst>
              <a:ext uri="{FF2B5EF4-FFF2-40B4-BE49-F238E27FC236}">
                <a16:creationId xmlns:a16="http://schemas.microsoft.com/office/drawing/2014/main" id="{EE4A01BE-B33B-4D70-9C6D-B1FAB4DC0B3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490658" y="3670688"/>
            <a:ext cx="19558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T_d9bf324face140d587d9e56160a72701_Shape">
            <a:extLst>
              <a:ext uri="{FF2B5EF4-FFF2-40B4-BE49-F238E27FC236}">
                <a16:creationId xmlns:a16="http://schemas.microsoft.com/office/drawing/2014/main" id="{197C313E-4FD9-45AC-AA56-7C8AA54ED3D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971990" y="3840233"/>
            <a:ext cx="7112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T_484b774c8d7a4a37b3a80f717874f001_Shape">
            <a:extLst>
              <a:ext uri="{FF2B5EF4-FFF2-40B4-BE49-F238E27FC236}">
                <a16:creationId xmlns:a16="http://schemas.microsoft.com/office/drawing/2014/main" id="{08856465-3B25-49C9-A70C-75B928F8125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271409" y="4009778"/>
            <a:ext cx="1066800" cy="101600"/>
          </a:xfrm>
          <a:prstGeom prst="chevron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1" name="OTLSHAPE_T_aae731ff3b1544a4b2a1aeeea0781c37_Shape">
            <a:extLst>
              <a:ext uri="{FF2B5EF4-FFF2-40B4-BE49-F238E27FC236}">
                <a16:creationId xmlns:a16="http://schemas.microsoft.com/office/drawing/2014/main" id="{B7A7F948-D5EE-4ADD-A9B0-23C4D4290A5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901763" y="4179323"/>
            <a:ext cx="1003300" cy="101600"/>
          </a:xfrm>
          <a:prstGeom prst="chevron">
            <a:avLst/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4" name="OTLSHAPE_T_b29d40f785434ae9a8c6b715e88e2144_Duration">
            <a:extLst>
              <a:ext uri="{FF2B5EF4-FFF2-40B4-BE49-F238E27FC236}">
                <a16:creationId xmlns:a16="http://schemas.microsoft.com/office/drawing/2014/main" id="{CB91B869-895B-4F14-8053-757A7D4A5C3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5127" y="950348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0.2 months</a:t>
            </a:r>
          </a:p>
        </p:txBody>
      </p:sp>
      <p:sp>
        <p:nvSpPr>
          <p:cNvPr id="55" name="OTLSHAPE_T_b29d40f785434ae9a8c6b715e88e2144_Title">
            <a:extLst>
              <a:ext uri="{FF2B5EF4-FFF2-40B4-BE49-F238E27FC236}">
                <a16:creationId xmlns:a16="http://schemas.microsoft.com/office/drawing/2014/main" id="{A8190920-20F6-4219-8484-5703FA412DA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363978" y="943046"/>
            <a:ext cx="1282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344E6D"/>
                </a:solidFill>
                <a:latin typeface="Arial" panose="020B0604020202020204" pitchFamily="34" charset="0"/>
              </a:rPr>
              <a:t>Requirements Gathering </a:t>
            </a:r>
          </a:p>
        </p:txBody>
      </p:sp>
      <p:sp>
        <p:nvSpPr>
          <p:cNvPr id="62" name="OTLSHAPE_T_7f6dc3f6e01a489e9ed4988a7e6cb427_Duration">
            <a:extLst>
              <a:ext uri="{FF2B5EF4-FFF2-40B4-BE49-F238E27FC236}">
                <a16:creationId xmlns:a16="http://schemas.microsoft.com/office/drawing/2014/main" id="{910D8435-1679-4651-AA6E-ABB9330677C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63714" y="1119893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 month</a:t>
            </a:r>
          </a:p>
        </p:txBody>
      </p:sp>
      <p:sp>
        <p:nvSpPr>
          <p:cNvPr id="63" name="OTLSHAPE_T_7f6dc3f6e01a489e9ed4988a7e6cb427_Title">
            <a:extLst>
              <a:ext uri="{FF2B5EF4-FFF2-40B4-BE49-F238E27FC236}">
                <a16:creationId xmlns:a16="http://schemas.microsoft.com/office/drawing/2014/main" id="{01A730EF-739A-4877-9382-5398A527FD5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836743" y="1112591"/>
            <a:ext cx="1752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344E6D"/>
                </a:solidFill>
                <a:latin typeface="Arial" panose="020B0604020202020204" pitchFamily="34" charset="0"/>
              </a:rPr>
              <a:t>Business Requirements Alignment</a:t>
            </a:r>
          </a:p>
        </p:txBody>
      </p:sp>
      <p:sp>
        <p:nvSpPr>
          <p:cNvPr id="70" name="OTLSHAPE_T_fc5a4a21309344d2bdc436618d8f8bdd_Duration">
            <a:extLst>
              <a:ext uri="{FF2B5EF4-FFF2-40B4-BE49-F238E27FC236}">
                <a16:creationId xmlns:a16="http://schemas.microsoft.com/office/drawing/2014/main" id="{E6E9A38F-0E61-4024-A461-F5FEBF26F11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43921" y="1289438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0.4 months</a:t>
            </a:r>
          </a:p>
        </p:txBody>
      </p:sp>
      <p:sp>
        <p:nvSpPr>
          <p:cNvPr id="71" name="OTLSHAPE_T_fc5a4a21309344d2bdc436618d8f8bdd_Title">
            <a:extLst>
              <a:ext uri="{FF2B5EF4-FFF2-40B4-BE49-F238E27FC236}">
                <a16:creationId xmlns:a16="http://schemas.microsoft.com/office/drawing/2014/main" id="{F144F4B5-FB2A-486B-BDF7-AB8E5EDC425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53084" y="1282136"/>
            <a:ext cx="431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344E6D"/>
                </a:solidFill>
                <a:latin typeface="Arial" panose="020B0604020202020204" pitchFamily="34" charset="0"/>
              </a:rPr>
              <a:t>Analysis</a:t>
            </a:r>
          </a:p>
        </p:txBody>
      </p:sp>
      <p:sp>
        <p:nvSpPr>
          <p:cNvPr id="78" name="OTLSHAPE_T_8c7f97dda34c49b8b71503e2d99209e7_Duration">
            <a:extLst>
              <a:ext uri="{FF2B5EF4-FFF2-40B4-BE49-F238E27FC236}">
                <a16:creationId xmlns:a16="http://schemas.microsoft.com/office/drawing/2014/main" id="{11D1306D-FC3A-440F-8B3B-D74AAD7AAB9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22716" y="1458983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5 months</a:t>
            </a:r>
          </a:p>
        </p:txBody>
      </p:sp>
      <p:sp>
        <p:nvSpPr>
          <p:cNvPr id="79" name="OTLSHAPE_T_8c7f97dda34c49b8b71503e2d99209e7_Title">
            <a:extLst>
              <a:ext uri="{FF2B5EF4-FFF2-40B4-BE49-F238E27FC236}">
                <a16:creationId xmlns:a16="http://schemas.microsoft.com/office/drawing/2014/main" id="{A7C4ED61-E3C2-4918-A0E7-95D9F08AFC7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167679" y="1451681"/>
            <a:ext cx="1752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rgbClr val="344E6D"/>
                </a:solidFill>
                <a:latin typeface="Arial" panose="020B0604020202020204" pitchFamily="34" charset="0"/>
              </a:rPr>
              <a:t>Alignment with Other Departments</a:t>
            </a:r>
          </a:p>
        </p:txBody>
      </p:sp>
      <p:sp>
        <p:nvSpPr>
          <p:cNvPr id="86" name="OTLSHAPE_T_3e4e07ab416944e2b3ca901681c78e52_Duration">
            <a:extLst>
              <a:ext uri="{FF2B5EF4-FFF2-40B4-BE49-F238E27FC236}">
                <a16:creationId xmlns:a16="http://schemas.microsoft.com/office/drawing/2014/main" id="{663F5CB8-9B99-4F96-A280-A27CD5DA9D9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48786" y="1628528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0.8 months</a:t>
            </a:r>
          </a:p>
        </p:txBody>
      </p:sp>
      <p:sp>
        <p:nvSpPr>
          <p:cNvPr id="87" name="OTLSHAPE_T_3e4e07ab416944e2b3ca901681c78e52_Title">
            <a:extLst>
              <a:ext uri="{FF2B5EF4-FFF2-40B4-BE49-F238E27FC236}">
                <a16:creationId xmlns:a16="http://schemas.microsoft.com/office/drawing/2014/main" id="{71A4CBAF-FD0C-4ED4-8684-8518568907E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947055" y="1621226"/>
            <a:ext cx="1066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344E6D"/>
                </a:solidFill>
                <a:latin typeface="Arial" panose="020B0604020202020204" pitchFamily="34" charset="0"/>
              </a:rPr>
              <a:t>Design Comparisons</a:t>
            </a:r>
          </a:p>
        </p:txBody>
      </p:sp>
      <p:sp>
        <p:nvSpPr>
          <p:cNvPr id="94" name="OTLSHAPE_T_6c6a10ee741243e2b3443e4e986ffc82_Duration">
            <a:extLst>
              <a:ext uri="{FF2B5EF4-FFF2-40B4-BE49-F238E27FC236}">
                <a16:creationId xmlns:a16="http://schemas.microsoft.com/office/drawing/2014/main" id="{E2F479C0-2481-4F60-89BD-AE2A14982C8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01438" y="1798073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3 months</a:t>
            </a:r>
          </a:p>
        </p:txBody>
      </p:sp>
      <p:sp>
        <p:nvSpPr>
          <p:cNvPr id="95" name="OTLSHAPE_T_6c6a10ee741243e2b3443e4e986ffc82_Title">
            <a:extLst>
              <a:ext uri="{FF2B5EF4-FFF2-40B4-BE49-F238E27FC236}">
                <a16:creationId xmlns:a16="http://schemas.microsoft.com/office/drawing/2014/main" id="{805A3C26-8864-456C-83D2-5CEA78170D6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286558" y="1790771"/>
            <a:ext cx="876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344E6D"/>
                </a:solidFill>
                <a:latin typeface="Arial" panose="020B0604020202020204" pitchFamily="34" charset="0"/>
              </a:rPr>
              <a:t>Vendor Selection</a:t>
            </a:r>
          </a:p>
        </p:txBody>
      </p:sp>
      <p:sp>
        <p:nvSpPr>
          <p:cNvPr id="102" name="OTLSHAPE_T_836b9328a93b417e84cf7810f5ab321b_Duration">
            <a:extLst>
              <a:ext uri="{FF2B5EF4-FFF2-40B4-BE49-F238E27FC236}">
                <a16:creationId xmlns:a16="http://schemas.microsoft.com/office/drawing/2014/main" id="{7BF81722-DED9-4E2E-96C2-F2312C36161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38966" y="1967618"/>
            <a:ext cx="571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9.2 months</a:t>
            </a:r>
          </a:p>
        </p:txBody>
      </p:sp>
      <p:sp>
        <p:nvSpPr>
          <p:cNvPr id="103" name="OTLSHAPE_T_836b9328a93b417e84cf7810f5ab321b_Title">
            <a:extLst>
              <a:ext uri="{FF2B5EF4-FFF2-40B4-BE49-F238E27FC236}">
                <a16:creationId xmlns:a16="http://schemas.microsoft.com/office/drawing/2014/main" id="{999D75F4-75FF-4319-BD81-5C05FEF948C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1102948" y="1960316"/>
            <a:ext cx="660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344E6D"/>
                </a:solidFill>
                <a:latin typeface="Arial" panose="020B0604020202020204" pitchFamily="34" charset="0"/>
              </a:rPr>
              <a:t>Maintenance</a:t>
            </a:r>
          </a:p>
        </p:txBody>
      </p:sp>
      <p:sp>
        <p:nvSpPr>
          <p:cNvPr id="110" name="OTLSHAPE_T_9a47a1df0b8540aa93ed63c850df8e3a_Duration">
            <a:extLst>
              <a:ext uri="{FF2B5EF4-FFF2-40B4-BE49-F238E27FC236}">
                <a16:creationId xmlns:a16="http://schemas.microsoft.com/office/drawing/2014/main" id="{34DF8130-0857-467A-B15E-4E3CE3724A2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313528" y="2137163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 month</a:t>
            </a:r>
          </a:p>
        </p:txBody>
      </p:sp>
      <p:sp>
        <p:nvSpPr>
          <p:cNvPr id="111" name="OTLSHAPE_T_9a47a1df0b8540aa93ed63c850df8e3a_Title">
            <a:extLst>
              <a:ext uri="{FF2B5EF4-FFF2-40B4-BE49-F238E27FC236}">
                <a16:creationId xmlns:a16="http://schemas.microsoft.com/office/drawing/2014/main" id="{725FBC69-0BD4-411F-8087-B1B5A481502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286558" y="2129861"/>
            <a:ext cx="838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344E6D"/>
                </a:solidFill>
                <a:latin typeface="Arial" panose="020B0604020202020204" pitchFamily="34" charset="0"/>
              </a:rPr>
              <a:t>Effort Estimation</a:t>
            </a:r>
          </a:p>
        </p:txBody>
      </p:sp>
      <p:sp>
        <p:nvSpPr>
          <p:cNvPr id="118" name="OTLSHAPE_T_4d1f564651134608bd65b4e6056c2055_Duration">
            <a:extLst>
              <a:ext uri="{FF2B5EF4-FFF2-40B4-BE49-F238E27FC236}">
                <a16:creationId xmlns:a16="http://schemas.microsoft.com/office/drawing/2014/main" id="{29F6A39E-C1F7-4A15-8121-653BE6806A9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694738" y="2306708"/>
            <a:ext cx="482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3 months</a:t>
            </a:r>
          </a:p>
        </p:txBody>
      </p:sp>
      <p:sp>
        <p:nvSpPr>
          <p:cNvPr id="119" name="OTLSHAPE_T_4d1f564651134608bd65b4e6056c2055_Title">
            <a:extLst>
              <a:ext uri="{FF2B5EF4-FFF2-40B4-BE49-F238E27FC236}">
                <a16:creationId xmlns:a16="http://schemas.microsoft.com/office/drawing/2014/main" id="{4CCD1B7A-D880-4351-A7DA-DE21CA6B837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11304" y="2299406"/>
            <a:ext cx="800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>
                <a:solidFill>
                  <a:srgbClr val="344E6D"/>
                </a:solidFill>
                <a:latin typeface="Arial" panose="020B0604020202020204" pitchFamily="34" charset="0"/>
              </a:rPr>
              <a:t>PM Preparation</a:t>
            </a:r>
          </a:p>
        </p:txBody>
      </p:sp>
      <p:sp>
        <p:nvSpPr>
          <p:cNvPr id="126" name="OTLSHAPE_T_e4be7344ffa14467853c0f437d73b027_Duration">
            <a:extLst>
              <a:ext uri="{FF2B5EF4-FFF2-40B4-BE49-F238E27FC236}">
                <a16:creationId xmlns:a16="http://schemas.microsoft.com/office/drawing/2014/main" id="{4E18A563-2762-46B4-9E58-83D5FB5A1D2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391408" y="2476253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4 months</a:t>
            </a:r>
          </a:p>
        </p:txBody>
      </p:sp>
      <p:sp>
        <p:nvSpPr>
          <p:cNvPr id="127" name="OTLSHAPE_T_e4be7344ffa14467853c0f437d73b027_Title">
            <a:extLst>
              <a:ext uri="{FF2B5EF4-FFF2-40B4-BE49-F238E27FC236}">
                <a16:creationId xmlns:a16="http://schemas.microsoft.com/office/drawing/2014/main" id="{181130E5-A53C-422A-9274-ABA5479630B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689095" y="2468951"/>
            <a:ext cx="584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344E6D"/>
                </a:solidFill>
                <a:latin typeface="Arial" panose="020B0604020202020204" pitchFamily="34" charset="0"/>
              </a:rPr>
              <a:t>Prototyping</a:t>
            </a:r>
          </a:p>
        </p:txBody>
      </p:sp>
      <p:sp>
        <p:nvSpPr>
          <p:cNvPr id="134" name="OTLSHAPE_T_b385f9fcb1e34b13ac66347b630bd93d_Duration">
            <a:extLst>
              <a:ext uri="{FF2B5EF4-FFF2-40B4-BE49-F238E27FC236}">
                <a16:creationId xmlns:a16="http://schemas.microsoft.com/office/drawing/2014/main" id="{B94CD51E-2B88-4E83-BDD3-BA8CC972DEA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224018" y="2645798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8 months</a:t>
            </a:r>
          </a:p>
        </p:txBody>
      </p:sp>
      <p:sp>
        <p:nvSpPr>
          <p:cNvPr id="135" name="OTLSHAPE_T_b385f9fcb1e34b13ac66347b630bd93d_Title">
            <a:extLst>
              <a:ext uri="{FF2B5EF4-FFF2-40B4-BE49-F238E27FC236}">
                <a16:creationId xmlns:a16="http://schemas.microsoft.com/office/drawing/2014/main" id="{24087FF5-2D0A-4481-A913-6E0A36227E1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557206" y="2638496"/>
            <a:ext cx="787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344E6D"/>
                </a:solidFill>
                <a:latin typeface="Arial" panose="020B0604020202020204" pitchFamily="34" charset="0"/>
              </a:rPr>
              <a:t>Implementation</a:t>
            </a:r>
          </a:p>
        </p:txBody>
      </p:sp>
      <p:sp>
        <p:nvSpPr>
          <p:cNvPr id="142" name="OTLSHAPE_T_d848e1a3952b4f16ab48baa034e2f5e2_Duration">
            <a:extLst>
              <a:ext uri="{FF2B5EF4-FFF2-40B4-BE49-F238E27FC236}">
                <a16:creationId xmlns:a16="http://schemas.microsoft.com/office/drawing/2014/main" id="{8DADA453-B298-4796-958E-0CA16FE5C5E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920931" y="2815343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 month</a:t>
            </a:r>
          </a:p>
        </p:txBody>
      </p:sp>
      <p:sp>
        <p:nvSpPr>
          <p:cNvPr id="143" name="OTLSHAPE_T_d848e1a3952b4f16ab48baa034e2f5e2_Title">
            <a:extLst>
              <a:ext uri="{FF2B5EF4-FFF2-40B4-BE49-F238E27FC236}">
                <a16:creationId xmlns:a16="http://schemas.microsoft.com/office/drawing/2014/main" id="{38254AAF-D945-41BD-8E73-A9394AF4762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846684" y="2808041"/>
            <a:ext cx="431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344E6D"/>
                </a:solidFill>
                <a:latin typeface="Arial" panose="020B0604020202020204" pitchFamily="34" charset="0"/>
              </a:rPr>
              <a:t>API Dev</a:t>
            </a:r>
          </a:p>
        </p:txBody>
      </p:sp>
      <p:sp>
        <p:nvSpPr>
          <p:cNvPr id="150" name="OTLSHAPE_T_d63058f2b446464ab6fb99f699163962_Duration">
            <a:extLst>
              <a:ext uri="{FF2B5EF4-FFF2-40B4-BE49-F238E27FC236}">
                <a16:creationId xmlns:a16="http://schemas.microsoft.com/office/drawing/2014/main" id="{696C40E3-7F8F-4BA3-BD8E-28872855CB9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673833" y="2984888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6 months</a:t>
            </a:r>
          </a:p>
        </p:txBody>
      </p:sp>
      <p:sp>
        <p:nvSpPr>
          <p:cNvPr id="151" name="OTLSHAPE_T_d63058f2b446464ab6fb99f699163962_Title">
            <a:extLst>
              <a:ext uri="{FF2B5EF4-FFF2-40B4-BE49-F238E27FC236}">
                <a16:creationId xmlns:a16="http://schemas.microsoft.com/office/drawing/2014/main" id="{CB5EA51C-35AD-429F-80A8-9B9F2F62122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045731" y="2977586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344E6D"/>
                </a:solidFill>
                <a:latin typeface="Arial" panose="020B0604020202020204" pitchFamily="34" charset="0"/>
              </a:rPr>
              <a:t>Customization</a:t>
            </a:r>
          </a:p>
        </p:txBody>
      </p:sp>
      <p:sp>
        <p:nvSpPr>
          <p:cNvPr id="158" name="OTLSHAPE_T_a4fde2b25b27405b8610a82656501a26_Duration">
            <a:extLst>
              <a:ext uri="{FF2B5EF4-FFF2-40B4-BE49-F238E27FC236}">
                <a16:creationId xmlns:a16="http://schemas.microsoft.com/office/drawing/2014/main" id="{68FDC8E0-2E53-473B-A21B-B1EA74594CF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604840" y="3154433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2 months</a:t>
            </a:r>
          </a:p>
        </p:txBody>
      </p:sp>
      <p:sp>
        <p:nvSpPr>
          <p:cNvPr id="159" name="OTLSHAPE_T_a4fde2b25b27405b8610a82656501a26_Title">
            <a:extLst>
              <a:ext uri="{FF2B5EF4-FFF2-40B4-BE49-F238E27FC236}">
                <a16:creationId xmlns:a16="http://schemas.microsoft.com/office/drawing/2014/main" id="{F651F1FE-3E39-44B9-9407-4F66D9B76AF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2215" y="3147131"/>
            <a:ext cx="723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344E6D"/>
                </a:solidFill>
                <a:latin typeface="Arial" panose="020B0604020202020204" pitchFamily="34" charset="0"/>
              </a:rPr>
              <a:t>User Interface</a:t>
            </a:r>
          </a:p>
        </p:txBody>
      </p:sp>
      <p:sp>
        <p:nvSpPr>
          <p:cNvPr id="166" name="OTLSHAPE_T_cc1bddb21a804a4eba103fd013285d36_Duration">
            <a:extLst>
              <a:ext uri="{FF2B5EF4-FFF2-40B4-BE49-F238E27FC236}">
                <a16:creationId xmlns:a16="http://schemas.microsoft.com/office/drawing/2014/main" id="{A70753A7-1E4A-4AB6-8B74-B84FDF26661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235194" y="3323978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1 months</a:t>
            </a:r>
          </a:p>
        </p:txBody>
      </p:sp>
      <p:sp>
        <p:nvSpPr>
          <p:cNvPr id="167" name="OTLSHAPE_T_cc1bddb21a804a4eba103fd013285d36_Title">
            <a:extLst>
              <a:ext uri="{FF2B5EF4-FFF2-40B4-BE49-F238E27FC236}">
                <a16:creationId xmlns:a16="http://schemas.microsoft.com/office/drawing/2014/main" id="{9BAA6A7E-08ED-42A2-A9B3-E8468E9086D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43775" y="3316676"/>
            <a:ext cx="469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344E6D"/>
                </a:solidFill>
                <a:latin typeface="Arial" panose="020B0604020202020204" pitchFamily="34" charset="0"/>
              </a:rPr>
              <a:t>Usability </a:t>
            </a:r>
          </a:p>
        </p:txBody>
      </p:sp>
      <p:sp>
        <p:nvSpPr>
          <p:cNvPr id="174" name="OTLSHAPE_T_1613c6e3f124447b870c0b4f3050ff72_Duration">
            <a:extLst>
              <a:ext uri="{FF2B5EF4-FFF2-40B4-BE49-F238E27FC236}">
                <a16:creationId xmlns:a16="http://schemas.microsoft.com/office/drawing/2014/main" id="{5A4E9A26-7282-4248-BCD5-2CC6ABAC803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581889" y="3493523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0.5 months</a:t>
            </a:r>
          </a:p>
        </p:txBody>
      </p:sp>
      <p:sp>
        <p:nvSpPr>
          <p:cNvPr id="175" name="OTLSHAPE_T_1613c6e3f124447b870c0b4f3050ff72_Title">
            <a:extLst>
              <a:ext uri="{FF2B5EF4-FFF2-40B4-BE49-F238E27FC236}">
                <a16:creationId xmlns:a16="http://schemas.microsoft.com/office/drawing/2014/main" id="{7266757A-F057-4CFE-9E98-FBFB4E69C78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422569" y="3486221"/>
            <a:ext cx="711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0">
                <a:solidFill>
                  <a:srgbClr val="344E6D"/>
                </a:solidFill>
                <a:latin typeface="Arial" panose="020B0604020202020204" pitchFamily="34" charset="0"/>
              </a:rPr>
              <a:t>Testing Matrix</a:t>
            </a:r>
          </a:p>
        </p:txBody>
      </p:sp>
      <p:sp>
        <p:nvSpPr>
          <p:cNvPr id="182" name="OTLSHAPE_T_e63b9ec98c2e44f5834d6c30b266840e_Duration">
            <a:extLst>
              <a:ext uri="{FF2B5EF4-FFF2-40B4-BE49-F238E27FC236}">
                <a16:creationId xmlns:a16="http://schemas.microsoft.com/office/drawing/2014/main" id="{2B31BC83-F361-4738-A536-6C044666C71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021902" y="3663068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4 months</a:t>
            </a:r>
          </a:p>
        </p:txBody>
      </p:sp>
      <p:sp>
        <p:nvSpPr>
          <p:cNvPr id="183" name="OTLSHAPE_T_e63b9ec98c2e44f5834d6c30b266840e_Title">
            <a:extLst>
              <a:ext uri="{FF2B5EF4-FFF2-40B4-BE49-F238E27FC236}">
                <a16:creationId xmlns:a16="http://schemas.microsoft.com/office/drawing/2014/main" id="{E2B9537B-BF5E-40C4-8762-D85FA08B9C3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495545" y="3655766"/>
            <a:ext cx="469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6">
                <a:solidFill>
                  <a:srgbClr val="344E6D"/>
                </a:solidFill>
                <a:latin typeface="Arial" panose="020B0604020202020204" pitchFamily="34" charset="0"/>
              </a:rPr>
              <a:t>Testing 1</a:t>
            </a:r>
          </a:p>
        </p:txBody>
      </p:sp>
      <p:sp>
        <p:nvSpPr>
          <p:cNvPr id="190" name="OTLSHAPE_T_d9bf324face140d587d9e56160a72701_Duration">
            <a:extLst>
              <a:ext uri="{FF2B5EF4-FFF2-40B4-BE49-F238E27FC236}">
                <a16:creationId xmlns:a16="http://schemas.microsoft.com/office/drawing/2014/main" id="{AE3757CD-FDC5-49BE-84FC-AE053790C27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418482" y="3832613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5 months</a:t>
            </a:r>
          </a:p>
        </p:txBody>
      </p:sp>
      <p:sp>
        <p:nvSpPr>
          <p:cNvPr id="191" name="OTLSHAPE_T_d9bf324face140d587d9e56160a72701_Title">
            <a:extLst>
              <a:ext uri="{FF2B5EF4-FFF2-40B4-BE49-F238E27FC236}">
                <a16:creationId xmlns:a16="http://schemas.microsoft.com/office/drawing/2014/main" id="{F5F9BA26-921B-4579-8F0C-D353D7015F2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731928" y="3825311"/>
            <a:ext cx="469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6">
                <a:solidFill>
                  <a:srgbClr val="344E6D"/>
                </a:solidFill>
                <a:latin typeface="Arial" panose="020B0604020202020204" pitchFamily="34" charset="0"/>
              </a:rPr>
              <a:t>Testing 2</a:t>
            </a:r>
          </a:p>
        </p:txBody>
      </p:sp>
      <p:sp>
        <p:nvSpPr>
          <p:cNvPr id="198" name="OTLSHAPE_T_484b774c8d7a4a37b3a80f717874f001_Duration">
            <a:extLst>
              <a:ext uri="{FF2B5EF4-FFF2-40B4-BE49-F238E27FC236}">
                <a16:creationId xmlns:a16="http://schemas.microsoft.com/office/drawing/2014/main" id="{47BB6BC2-2890-48A2-90D9-73EA09A8FDF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717900" y="4002158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2.2 months</a:t>
            </a:r>
          </a:p>
        </p:txBody>
      </p:sp>
      <p:sp>
        <p:nvSpPr>
          <p:cNvPr id="199" name="OTLSHAPE_T_484b774c8d7a4a37b3a80f717874f001_Title">
            <a:extLst>
              <a:ext uri="{FF2B5EF4-FFF2-40B4-BE49-F238E27FC236}">
                <a16:creationId xmlns:a16="http://schemas.microsoft.com/office/drawing/2014/main" id="{D8212807-2726-46FC-920F-D16051CC287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378041" y="3994856"/>
            <a:ext cx="774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344E6D"/>
                </a:solidFill>
                <a:latin typeface="Arial" panose="020B0604020202020204" pitchFamily="34" charset="0"/>
              </a:rPr>
              <a:t>Documentation</a:t>
            </a:r>
          </a:p>
        </p:txBody>
      </p:sp>
      <p:sp>
        <p:nvSpPr>
          <p:cNvPr id="206" name="OTLSHAPE_T_aae731ff3b1544a4b2a1aeeea0781c37_Duration">
            <a:extLst>
              <a:ext uri="{FF2B5EF4-FFF2-40B4-BE49-F238E27FC236}">
                <a16:creationId xmlns:a16="http://schemas.microsoft.com/office/drawing/2014/main" id="{3EA416FB-12AB-4205-898C-5AC6551B11F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348254" y="4171703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2.1 months</a:t>
            </a:r>
          </a:p>
        </p:txBody>
      </p:sp>
      <p:sp>
        <p:nvSpPr>
          <p:cNvPr id="207" name="OTLSHAPE_T_aae731ff3b1544a4b2a1aeeea0781c37_Title">
            <a:extLst>
              <a:ext uri="{FF2B5EF4-FFF2-40B4-BE49-F238E27FC236}">
                <a16:creationId xmlns:a16="http://schemas.microsoft.com/office/drawing/2014/main" id="{B570DBDC-11E1-4860-BBE5-B364DA991FA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945360" y="4164401"/>
            <a:ext cx="558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344E6D"/>
                </a:solidFill>
                <a:latin typeface="Arial" panose="020B0604020202020204" pitchFamily="34" charset="0"/>
              </a:rPr>
              <a:t>Production</a:t>
            </a:r>
          </a:p>
        </p:txBody>
      </p:sp>
      <p:sp>
        <p:nvSpPr>
          <p:cNvPr id="33" name="OTLSHAPE_M_e8fd3e939c7b43f3892173eee34959ef_Shape">
            <a:extLst>
              <a:ext uri="{FF2B5EF4-FFF2-40B4-BE49-F238E27FC236}">
                <a16:creationId xmlns:a16="http://schemas.microsoft.com/office/drawing/2014/main" id="{85DBA41F-5FF8-4F26-A1C3-F9B889569217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83933" y="5160716"/>
            <a:ext cx="165100" cy="183444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0adf015e4366434e8d5115e83edbe5d3_Shape">
            <a:extLst>
              <a:ext uri="{FF2B5EF4-FFF2-40B4-BE49-F238E27FC236}">
                <a16:creationId xmlns:a16="http://schemas.microsoft.com/office/drawing/2014/main" id="{253A4143-F677-43A1-93BD-20E74D343188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 rot="16200000">
            <a:off x="1329169" y="4563216"/>
            <a:ext cx="190500" cy="1905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b7dd77de09ce42bcb22a10b4db4c0397_Shape">
            <a:extLst>
              <a:ext uri="{FF2B5EF4-FFF2-40B4-BE49-F238E27FC236}">
                <a16:creationId xmlns:a16="http://schemas.microsoft.com/office/drawing/2014/main" id="{A72F49DC-01E2-43E4-B08E-FB1AC1A4F57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2648924" y="5160716"/>
            <a:ext cx="165100" cy="183444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d16b394ce4674f0299dca625382b4730_Shape">
            <a:extLst>
              <a:ext uri="{FF2B5EF4-FFF2-40B4-BE49-F238E27FC236}">
                <a16:creationId xmlns:a16="http://schemas.microsoft.com/office/drawing/2014/main" id="{4091CA0A-3A7D-4C19-942C-71F71D0B9426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7691757" y="5160716"/>
            <a:ext cx="165100" cy="183444"/>
          </a:xfrm>
          <a:prstGeom prst="parallelogram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188adb4459c64cbb8c96d475fb90260d_Shape">
            <a:extLst>
              <a:ext uri="{FF2B5EF4-FFF2-40B4-BE49-F238E27FC236}">
                <a16:creationId xmlns:a16="http://schemas.microsoft.com/office/drawing/2014/main" id="{E61E91A3-D1C5-403A-BB74-DF93C50A6865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9598578" y="5160716"/>
            <a:ext cx="165100" cy="183444"/>
          </a:xfrm>
          <a:prstGeom prst="parallelogram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10b7086bab9e403098f8614d441a3d4d_Shape">
            <a:extLst>
              <a:ext uri="{FF2B5EF4-FFF2-40B4-BE49-F238E27FC236}">
                <a16:creationId xmlns:a16="http://schemas.microsoft.com/office/drawing/2014/main" id="{9300836C-005D-431D-9889-8D715C9C26D3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0827769" y="5160716"/>
            <a:ext cx="165100" cy="183444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e8fd3e939c7b43f3892173eee34959ef_Title">
            <a:extLst>
              <a:ext uri="{FF2B5EF4-FFF2-40B4-BE49-F238E27FC236}">
                <a16:creationId xmlns:a16="http://schemas.microsoft.com/office/drawing/2014/main" id="{0AD46B8A-2856-407B-8031-43D657D7A8E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40842" y="4874331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>
                <a:solidFill>
                  <a:srgbClr val="344E6D"/>
                </a:solidFill>
                <a:latin typeface="Arial" panose="020B0604020202020204" pitchFamily="34" charset="0"/>
              </a:rPr>
              <a:t>Phase 1 </a:t>
            </a:r>
            <a:r>
              <a:rPr lang="en-GB" sz="900" b="1" spc="-4" dirty="0" err="1">
                <a:solidFill>
                  <a:srgbClr val="344E6D"/>
                </a:solidFill>
                <a:latin typeface="Arial" panose="020B0604020202020204" pitchFamily="34" charset="0"/>
              </a:rPr>
              <a:t>Kickoff</a:t>
            </a:r>
            <a:endParaRPr lang="en-GB" sz="900" b="1" spc="-4" dirty="0">
              <a:solidFill>
                <a:srgbClr val="344E6D"/>
              </a:solidFill>
              <a:latin typeface="Arial" panose="020B0604020202020204" pitchFamily="34" charset="0"/>
            </a:endParaRPr>
          </a:p>
        </p:txBody>
      </p:sp>
      <p:sp>
        <p:nvSpPr>
          <p:cNvPr id="32" name="OTLSHAPE_M_e8fd3e939c7b43f3892173eee34959ef_Date">
            <a:extLst>
              <a:ext uri="{FF2B5EF4-FFF2-40B4-BE49-F238E27FC236}">
                <a16:creationId xmlns:a16="http://schemas.microsoft.com/office/drawing/2014/main" id="{97C47B0A-0430-40A5-8517-46799377E5C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40444" y="5018476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4/10/2024</a:t>
            </a:r>
          </a:p>
        </p:txBody>
      </p:sp>
      <p:sp>
        <p:nvSpPr>
          <p:cNvPr id="34" name="OTLSHAPE_M_0adf015e4366434e8d5115e83edbe5d3_Title">
            <a:extLst>
              <a:ext uri="{FF2B5EF4-FFF2-40B4-BE49-F238E27FC236}">
                <a16:creationId xmlns:a16="http://schemas.microsoft.com/office/drawing/2014/main" id="{94909169-8649-4CB2-87DE-D8D06668D85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544363" y="4499046"/>
            <a:ext cx="685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rgbClr val="344E6D"/>
                </a:solidFill>
                <a:latin typeface="Arial" panose="020B0604020202020204" pitchFamily="34" charset="0"/>
              </a:rPr>
              <a:t>Project Start</a:t>
            </a:r>
          </a:p>
        </p:txBody>
      </p:sp>
      <p:sp>
        <p:nvSpPr>
          <p:cNvPr id="35" name="OTLSHAPE_M_0adf015e4366434e8d5115e83edbe5d3_Date">
            <a:extLst>
              <a:ext uri="{FF2B5EF4-FFF2-40B4-BE49-F238E27FC236}">
                <a16:creationId xmlns:a16="http://schemas.microsoft.com/office/drawing/2014/main" id="{A8CEE6E0-C0E3-40FA-8CE8-83176102580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544363" y="4643191"/>
            <a:ext cx="406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5/1/2024</a:t>
            </a:r>
          </a:p>
        </p:txBody>
      </p:sp>
      <p:sp>
        <p:nvSpPr>
          <p:cNvPr id="37" name="OTLSHAPE_M_b7dd77de09ce42bcb22a10b4db4c0397_Title">
            <a:extLst>
              <a:ext uri="{FF2B5EF4-FFF2-40B4-BE49-F238E27FC236}">
                <a16:creationId xmlns:a16="http://schemas.microsoft.com/office/drawing/2014/main" id="{1810BBE6-829B-4D76-9DAA-84D87C1F049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257235" y="4874331"/>
            <a:ext cx="952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rgbClr val="344E6D"/>
                </a:solidFill>
                <a:latin typeface="Arial" panose="020B0604020202020204" pitchFamily="34" charset="0"/>
              </a:rPr>
              <a:t>Project Approved</a:t>
            </a:r>
          </a:p>
        </p:txBody>
      </p:sp>
      <p:sp>
        <p:nvSpPr>
          <p:cNvPr id="38" name="OTLSHAPE_M_b7dd77de09ce42bcb22a10b4db4c0397_Date">
            <a:extLst>
              <a:ext uri="{FF2B5EF4-FFF2-40B4-BE49-F238E27FC236}">
                <a16:creationId xmlns:a16="http://schemas.microsoft.com/office/drawing/2014/main" id="{AFA42C52-B1FA-485B-BDCE-946F6AF67F6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505435" y="5018476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7/31/2024</a:t>
            </a:r>
          </a:p>
        </p:txBody>
      </p:sp>
      <p:sp>
        <p:nvSpPr>
          <p:cNvPr id="40" name="OTLSHAPE_M_d16b394ce4674f0299dca625382b4730_Title">
            <a:extLst>
              <a:ext uri="{FF2B5EF4-FFF2-40B4-BE49-F238E27FC236}">
                <a16:creationId xmlns:a16="http://schemas.microsoft.com/office/drawing/2014/main" id="{B575F3D2-E88A-42A7-BD02-4A17887DB42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386893" y="4742886"/>
            <a:ext cx="7874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>
                <a:solidFill>
                  <a:srgbClr val="344E6D"/>
                </a:solidFill>
                <a:latin typeface="Arial" panose="020B0604020202020204" pitchFamily="34" charset="0"/>
              </a:rPr>
              <a:t>Implementation Finished</a:t>
            </a:r>
          </a:p>
        </p:txBody>
      </p:sp>
      <p:sp>
        <p:nvSpPr>
          <p:cNvPr id="41" name="OTLSHAPE_M_d16b394ce4674f0299dca625382b4730_Date">
            <a:extLst>
              <a:ext uri="{FF2B5EF4-FFF2-40B4-BE49-F238E27FC236}">
                <a16:creationId xmlns:a16="http://schemas.microsoft.com/office/drawing/2014/main" id="{407C07E4-B073-44FE-80E2-B7BED10B24F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548268" y="5018476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6/16/2025</a:t>
            </a:r>
          </a:p>
        </p:txBody>
      </p:sp>
      <p:sp>
        <p:nvSpPr>
          <p:cNvPr id="43" name="OTLSHAPE_M_188adb4459c64cbb8c96d475fb90260d_Title">
            <a:extLst>
              <a:ext uri="{FF2B5EF4-FFF2-40B4-BE49-F238E27FC236}">
                <a16:creationId xmlns:a16="http://schemas.microsoft.com/office/drawing/2014/main" id="{1267729C-5A22-4209-A2C3-B1B82A640F7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430303" y="4742886"/>
            <a:ext cx="5080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rgbClr val="344E6D"/>
                </a:solidFill>
                <a:latin typeface="Arial" panose="020B0604020202020204" pitchFamily="34" charset="0"/>
              </a:rPr>
              <a:t>Testing Finished </a:t>
            </a:r>
          </a:p>
        </p:txBody>
      </p:sp>
      <p:sp>
        <p:nvSpPr>
          <p:cNvPr id="44" name="OTLSHAPE_M_188adb4459c64cbb8c96d475fb90260d_Date">
            <a:extLst>
              <a:ext uri="{FF2B5EF4-FFF2-40B4-BE49-F238E27FC236}">
                <a16:creationId xmlns:a16="http://schemas.microsoft.com/office/drawing/2014/main" id="{26E7AEAF-0DB6-40F8-97B0-F95F96EC77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426832" y="5018476"/>
            <a:ext cx="520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10/15/2025</a:t>
            </a:r>
          </a:p>
        </p:txBody>
      </p:sp>
      <p:sp>
        <p:nvSpPr>
          <p:cNvPr id="46" name="OTLSHAPE_M_10b7086bab9e403098f8614d441a3d4d_Title">
            <a:extLst>
              <a:ext uri="{FF2B5EF4-FFF2-40B4-BE49-F238E27FC236}">
                <a16:creationId xmlns:a16="http://schemas.microsoft.com/office/drawing/2014/main" id="{AF352684-8BA7-4D31-9ED5-8E9C79DE2AA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522735" y="4874331"/>
            <a:ext cx="787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rgbClr val="344E6D"/>
                </a:solidFill>
                <a:latin typeface="Arial" panose="020B0604020202020204" pitchFamily="34" charset="0"/>
              </a:rPr>
              <a:t>Phase 1 Close</a:t>
            </a:r>
          </a:p>
        </p:txBody>
      </p:sp>
      <p:sp>
        <p:nvSpPr>
          <p:cNvPr id="47" name="OTLSHAPE_M_10b7086bab9e403098f8614d441a3d4d_Date">
            <a:extLst>
              <a:ext uri="{FF2B5EF4-FFF2-40B4-BE49-F238E27FC236}">
                <a16:creationId xmlns:a16="http://schemas.microsoft.com/office/drawing/2014/main" id="{BEBBF92F-733E-40BE-9717-A754AD45621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0712537" y="5018476"/>
            <a:ext cx="406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1/1/2026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B2A8AD2-FF62-5656-3DBC-BE24EAFE06CE}"/>
              </a:ext>
            </a:extLst>
          </p:cNvPr>
          <p:cNvSpPr txBox="1"/>
          <p:nvPr/>
        </p:nvSpPr>
        <p:spPr>
          <a:xfrm>
            <a:off x="5742548" y="438915"/>
            <a:ext cx="577677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Project Management Plan</a:t>
            </a:r>
          </a:p>
        </p:txBody>
      </p:sp>
      <p:pic>
        <p:nvPicPr>
          <p:cNvPr id="209" name="Picture 208" descr="Icon&#10;&#10;Description automatically generated">
            <a:extLst>
              <a:ext uri="{FF2B5EF4-FFF2-40B4-BE49-F238E27FC236}">
                <a16:creationId xmlns:a16="http://schemas.microsoft.com/office/drawing/2014/main" id="{D937A1EB-E569-48E5-E75D-44002967F449}"/>
              </a:ext>
            </a:extLst>
          </p:cNvPr>
          <p:cNvPicPr>
            <a:picLocks noChangeAspect="1"/>
          </p:cNvPicPr>
          <p:nvPr/>
        </p:nvPicPr>
        <p:blipFill>
          <a:blip r:embed="rId1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5264" y="5877512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908869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S4wMC4wMS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NS4wLCJMZWZ0IjowLjAsIlJpZ2h0IjowLjAsIkJvdHRvbSI6NS4wfSwiQmFja2dyb3VuZCI6eyIkaWQiOiIyOSIsIkNvbG9yIjp7IiRpZCI6IjMwIiwiQSI6MjU1LCJSIjo2OCwiRyI6NzcsIkIiOjM4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Tc4LCJHIjoxNCwiQiI6MTh9fSwiSXNWaXNpYmxlIjp0cnVlLCJXaWR0aCI6MC4wLCJIZWlnaHQiOjAuMCwiQm9yZGVyU3R5bGUiOm51bGwsIlBhcmVudFN0eWxlIjpudWxsfSwiU2NhbGVTdHlsZSI6eyIkaWQiOiI2NSIsIlNoYXBlIjowLCJTaG93U2VnbWVudFNlcGFyYXRvcnMiOnRydWUsIlNlZ21lbnRTZXBhcmF0b3JPcGFjaXR5IjozMCwiSGFzQmVlblZpc2libGVCZWZvcmUiOnRydWUsIkZvbnRTZXR0aW5ncyI6eyIkaWQiOiI2NiIsIkZvbnRTaXplIjo5LCJGb250TmFtZSI6IkFyaWFsIiwiSXNCb2xkIjpmYWxz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Cb3R0b21UaWVyU2NhbGVTdHlsZSI6eyIkaWQiOiI3NSIsIlNoYXBlIjowLCJTaG93U2VnbWVudFNlcGFyYXRvcnMiOnRydWUsIlNlZ21lbnRTZXBhcmF0b3JPcGFjaXR5IjozMCwiSGFzQmVlblZpc2libGVCZWZvcmUiOmZhbHNlLCJGb250U2V0dGluZ3MiOnsiJGlkIjoiNzYiLCJGb250U2l6ZSI6OSwiRm9udE5hbWUiOiJBcmlhbCIsIklzQm9sZCI6ZmFsc2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4OSwiUiI6MCwiRyI6MCwiQiI6MH19LCJJc1Zpc2libGUiOnRydWUsIldpZHRoIjowLjAsIkhlaWdodCI6MC4wLCJCb3JkZXJTdHlsZSI6bnVsbCwiUGFyZW50U3R5bGUiOm51bGx9LCJEYXRlU3R5bGUiOnsiJGlkIjoiMTA1IiwiRm9udFNldHRpbmdzIjp7IiRpZCI6IjEwNiIsIkZvbnRTaXplIjo4LCJGb250TmFtZSI6IkFyaWFsIiwiSXNCb2xkIjpmYWxzZSwiSXNJdGFsaWMiOmZhbHNlLCJJc1VuZGVybGluZWQiOmZhbHNlLCJQYXJlbnRTdHlsZSI6bnVsbH0sIkF1dG9TaXplIjowLCJGb3JlZ3JvdW5kIjp7IiRpZCI6IjEwNyIsIkNvbG9yIjp7IiRpZCI6IjEwOC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yZWYiOiIxMDQifX0sIklzVmlzaWJsZSI6dHJ1ZSwiV2lkdGgiOjAuMCwiSGVpZ2h0IjowLjAsIkJvcmRlclN0eWxlIjpudWxsLCJQYXJlbnRTdHlsZSI6bnVsbH0sIkRhdGVGb3JtYXQiOnsiJGlkIjoiMTE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EzIiwiRGF0ZVBhcnRJc1Zpc2libGUiOmZhbHNlLCJUaW1lUGFydElzVmlzaWJsZSI6ZmFsc2V9fSwiV2Vla051bWJlcmluZyI6eyIkaWQiOiIxMTQiLCJGb3JtYXQiOjAsIklzVmlzaWJsZSI6ZmFsc2UsIkxhc3RLbm93blZpc2liaWxpdHlTdGF0ZSI6ZmFsc2V9LCJJc1Zpc2libGUiOnRydWUsIlBhcmVudFN0eWxlIjpudWxsfSwiRGVmYXVsdE1vdFN0eWxlIjp7IiRpZCI6IjExNSIsIlNoYXBlIjo0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bnVsbCwiUGFyZW50U3R5bGUiOm51bGx9LCJEYXRlU3R5bGUiOnsiJGlkIjoiMTM3IiwiRm9udFNldHRpbmdzIjp7IiRpZCI6IjEzOCIsIkZvbnRTaXplIjo4LCJGb250TmFtZSI6IkFyaWFsIiwiSXNCb2xkIjpmYWxzZSwiSXNJdGFsaWMiOmZhbHNlLCJJc1VuZGVybGluZWQiOmZhbHNlLCJQYXJlbnRTdHlsZSI6bnVsbH0sIkF1dG9TaXplIjowLCJGb3JlZ3JvdW5kIjp7IiRpZCI6IjEzOSIsIkNvbG9yIjp7IiRpZCI6IjE0MC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aWQiOiIxNDEiLCJUb3AiOjAuMCwiTGVmdCI6MC4wLCJSaWdodCI6MC4wLCJCb3R0b20iOjAuMH0sIlBhZGRpbmciOnsiJGlkIjoiMTQyIiwiVG9wIjowLjAsIkxlZnQiOjAuMCwiUmlnaHQiOjAuMCwiQm90dG9tIjowLjB9LCJCYWNrZ3JvdW5kIjp7IiRpZCI6IjE0MyIsIkNvbG9yIjp7IiRyZWYiOiIxMzYifX0sIklzVmlzaWJsZSI6dHJ1ZSwiV2lkdGgiOjAuMCwiSGVpZ2h0IjowLjAsIkJvcmRlclN0eWxlIjpudWxsLCJQYXJlbnRTdHlsZSI6bnVsbH0sIkRhdGVGb3JtYXQiOnsiJGlkIjoiMTQ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g5LCJSIjowLCJHIjowLCJCIjowfX0sIklzVmlzaWJsZSI6dHJ1ZSwiV2lkdGgiOjAuMCwiSGVpZ2h0IjowLjAsIkJvcmRlclN0eWxlIjpudWxsLCJQYXJlbnRTdHlsZSI6bnVsbH0sIkR1cmF0aW9uU3R5bGUiOnsiJGlkIjoiMTU2IiwiRm9udFNldHRpbmdzIjp7IiRpZCI6IjE1NyIsIkZvbnRTaXplIjo4LCJGb250TmFtZSI6IkFyaWFsIiwiSXNCb2xkIjpmYWxzZSwiSXNJdGFsaWMiOmZhbHNlLCJJc1VuZGVybGluZWQiOmZhbHNlLCJQYXJlbnRTdHlsZSI6bnVsbH0sIkF1dG9TaXplIjowLCJGb3JlZ3JvdW5kIjp7IiRpZCI6IjE1OCIsIkNvbG9yIjp7IiRpZCI6IjE1OS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cmVmIjoiMTU1In19LCJJc1Zpc2libGUiOnRydWUsIldpZHRoIjowLjAsIkhlaWdodCI6MC4wLCJCb3JkZXJTdHlsZSI6bnVsbCwiUGFyZW50U3R5bGUiOm51bGx9LCJEYXRlU3R5bGUiOnsiJGlkIjoiMTg0IiwiRm9udFNldHRpbmdzIjp7IiRpZCI6IjE4NSIsIkZvbnRTaXplIjo5LCJGb250TmFtZSI6IkFyaWFsIiwiSXNCb2xkIjpmYWxzZSwiSXNJdGFsaWMiOmZhbHNlLCJJc1VuZGVybGluZWQiOmZhbHNlLCJQYXJlbnRTdHlsZSI6bnVsbH0sIkF1dG9TaXplIjowLCJGb3JlZ3JvdW5kIjp7IiRpZCI6IjE4NiIsIkNvbG9yIjp7IiRpZCI6IjE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aWQiOiIxOTAiLCJDb2xvciI6eyIkcmVmIjoiMTU1In19LCJJc1Zpc2libGUiOmZhbHNlLCJXaWR0aCI6MC4wLCJIZWlnaHQiOjAuMCwiQm9yZGVyU3R5bGUiOm51bGwsIlBhcmVudFN0eWxlIjpudWxsfSwiRGF0ZUZvcm1hdCI6eyIkaWQiOiIx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IiLCJEYXRlUGFydElzVmlzaWJsZSI6ZmFsc2UsIlRpbWVQYXJ0SXNWaXNpYmxlIjpmYWxzZX19LCJXZWVrTnVtYmVyaW5nIjp7IiRpZCI6IjE5MyIsIkZvcm1hdCI6MCwiSXNWaXNpYmxlIjpmYWxzZSwiTGFzdEtub3duVmlzaWJpbGl0eVN0YXRlIjpmYWxzZX0sIklzVmlzaWJsZSI6dHJ1ZSwiUGFyZW50U3R5bGUiOm51bGwsIl9leHBsaWNpdGx5U2V0Ijp7IiRpZCI6IjE5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UiLCJUaXRsZVBvc2l0aW9uIjoiUmlnaHQiLCJEYXRlUG9zaXRpb24iOiJMZWZ0IiwiU2hhcGVUeXBlIjowLCJTaGFwZVNpemUiOjEsIlNwYWNpbmciOjUsIlNoYXBl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MjU1LCJSIjowLCJHIjoxMTQsIkIiOjE4OH19LCJJc1Zpc2libGUiOnRydWUsIldpZHRoIjoxOC4wLCJIZWlnaHQiOjIw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lRpdGxlU3R5bGUiOnsiJGlkIjoiMjA0IiwiRm9udFNldHRpbmdzIjp7IiRpZCI6IjIwNSIsIkZvbnRTaXplIjo5LCJGb250TmFtZSI6IkFyaWFsIiwiSXNCb2xkIjp0cnVlLCJJc0l0YWxpYyI6ZmFsc2UsIklzVW5kZXJsaW5lZCI6ZmFsc2UsIlBhcmVudFN0eWxlIjpudWxsfSwiQXV0b1NpemUiOjAsIkZvcmVncm91bmQiOnsiJGlkIjoiMjA2IiwiQ29sb3IiOnsiJGlkIjoiMjA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nsiJGlkIjoiMjEwIiwiQ29sb3IiOnsiJGlkIjoiMjExIiwiQSI6ODksIlIiOjAsIkciOjAsIkIiOjB9fSwiSXNWaXNpYmxlIjp0cnVlLCJXaWR0aCI6MC4wLCJIZWlnaHQiOjAuMCwiQm9yZGVyU3R5bGUiOm51bGwsIlBhcmVudFN0eWxlIjpudWxsfSwiRGF0ZVN0eWxlIjp7IiRpZCI6IjIxMiIsIkZvbnRTZXR0aW5ncyI6eyIkaWQiOiIyMTMiLCJGb250U2l6ZSI6OSwiRm9udE5hbWUiOiJBcmlhbC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GlkIjoiMjE5IiwiQSI6ODksIlIiOjAsIkciOjAsIkIiOjB9fSwiSXNWaXNpYmxlIjp0cnVlLCJXaWR0aCI6MC4wLCJIZWlnaHQiOjAuMCwiQm9yZGVyU3R5bGUiOm51bGwsIlBhcmVudFN0eWxlIjpudWxsfSwiRGF0ZUZvcm1hdCI6eyIkaWQiOiIy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g5LCJSIjowLCJHIjowLCJCIjowfX0sIklzVmlzaWJsZSI6dHJ1ZSwiV2lkdGgiOjAuMCwiSGVpZ2h0IjowLjAsIkJvcmRlclN0eWxlIjpudWxsLCJQYXJlbnRTdHlsZSI6bnVsbH0sIkR1cmF0aW9uU3R5bGUiOnsiJGlkIjoiMzA4IiwiRm9udFNldHRpbmdzIjp7IiRpZCI6IjMwOSIsIkZvbnRTaXplIjo5LCJGb250TmFtZSI6IkFyaWFsIiwiSXNCb2xkIjpmYWxzZSwiSXNJdGFsaWMiOmZhbHNlLCJJc1VuZGVybGluZWQiOmZhbHNlLCJQYXJlbnRTdHlsZSI6bnVsbH0sIkF1dG9TaXplIjowLCJGb3JlZ3JvdW5kIjp7IiRpZCI6IjMxMCIsIkNvbG9yIjp7IiRpZCI6IjMxM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nsiJGlkIjoiMzM1IiwiQ29sb3IiOnsiJHJlZiI6IjMwNyJ9fSwiSXNWaXNpYmxlIjp0cnVlLCJXaWR0aCI6MC4wLCJIZWlnaHQiOjAuMCwiQm9yZGVyU3R5bGUiOm51bGwsIlBhcmVudFN0eWxlIjpudWxsfSwiRGF0ZVN0eWxlIjp7IiRpZCI6IjMzNiIsIkZvbnRTZXR0aW5ncyI6eyIkaWQiOiIzMzciLCJGb250U2l6ZSI6OSwiRm9udE5hbWUiOiJBcmlhbCIsIklzQm9sZCI6ZmFsc2UsIklzSXRhbGljIjpmYWxzZSwiSXNVbmRlcmxpbmVkIjpmYWxzZSwiUGFyZW50U3R5bGUiOm51bGx9LCJBdXRvU2l6ZSI6MCwiRm9yZWdyb3VuZCI6eyIkaWQiOiIzMzgiLCJDb2xvciI6eyIkaWQiOiIzMz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HJlZiI6IjMwNyJ9fSwiSXNWaXNpYmxlIjp0cnVlLCJXaWR0aCI6MC4wLCJIZWlnaHQiOjAuMCwiQm9yZGVyU3R5bGUiOm51bGwsIlBhcmVudFN0eWxlIjpudWxsfSwiRGF0ZUZvcm1hdCI6eyIkaWQiOiIzN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QiLCJEYXRlUGFydElzVmlzaWJsZSI6ZmFsc2UsIlRpbWVQYXJ0SXNWaXNpYmxlIjpmYWxzZX19LCJXZWVrTnVtYmVyaW5nIjp7IiRpZCI6IjM0NSIsIkZvcm1hdCI6MCwiSXNWaXNpYmxlIjpmYWxzZSwiTGFzdEtub3duVmlzaWJpbGl0eVN0YXRlIjpmYWxzZX0sIklzVmlzaWJsZSI6dHJ1ZSwiUGFyZW50U3R5bGUiOm51bGwsIl9leHBsaWNpdGx5U2V0Ijp7IiRpZCI6IjM0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5LCJGb250TmFtZSI6IkFyaWFsIiwiSXNCb2xkIjp0cnVlLCJJc0l0YWxpYyI6ZmFsc2UsIklzVW5kZXJsaW5lZCI6ZmFsc2UsIlBhcmVudFN0eWxlIjpudWxsfSwiQXV0b1NpemUiOjAsIkZvcmVncm91bmQiOnsiJGlkIjoiMzYzIiwiQ29sb3IiOnsiJGlkIjoi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ODksIlIiOjAsIkciOjAsIkIiOjB9fSwiSXNWaXNpYmxlIjp0cnVlLCJXaWR0aCI6MC4wLCJIZWlnaHQiOjAuMCwiQm9yZGVyU3R5bGUiOm51bGwsIlBhcmVudFN0eWxlIjpudWxsfSwiRGF0ZVN0eWxlIjp7IiRpZCI6IjM2OSIsIkZvbnRTZXR0aW5ncyI6eyIkaWQiOiIzNzAiLCJGb250U2l6ZSI6OSwiRm9udE5hbWUiOiJBcmlhbCIsIklzQm9sZCI6ZmFsc2UsIklzSXRhbGljIjpmYWxzZSwiSXNVbmRlcmxpbmVkIjpmYWxzZSwiUGFyZW50U3R5bGUiOm51bGx9LCJBdXRvU2l6ZSI6MCwiRm9yZWdyb3VuZCI6eyIkaWQiOiIzNzEiLCJDb2xvciI6eyIkaWQiOiIz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HJlZiI6IjM2OCJ9fSwiSXNWaXNpYmxlIjp0cnVlLCJXaWR0aCI6MC4wLCJIZWlnaHQiOjAuMCwiQm9yZGVyU3R5bGUiOm51bGwsIlBhcmVudFN0eWxlIjpudWxsfSwiRGF0ZUZvcm1hdCI6eyIkaWQiOiIz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g5LCJSIjowLCJHIjowLCJCIjowfX0sIklzVmlzaWJsZSI6dHJ1ZSwiV2lkdGgiOjAuMCwiSGVpZ2h0IjowLjAsIkJvcmRlclN0eWxlIjpudWxsLCJQYXJlbnRTdHlsZSI6bnVsbH0sIkRhdGVGb3JtYXQiOnsiJGlkIjoiND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aWQiOiI1MDMiLCJUb3AiOjAuMCwiTGVmdCI6MC4wLCJSaWdodCI6MC4wLCJCb3R0b20iOjAuMH0sIlBhZGRpbmciOnsiJGlkIjoiNTA0IiwiVG9wIjowLjAsIkxlZnQiOjAuMCwiUmlnaHQiOjAuMCwiQm90dG9tIjowLjB9LCJCYWNrZ3JvdW5kIjp7IiRyZWYiOiI0NzIifSwiSXNWaXNpYmxlIjp0cnVlLCJXaWR0aCI6MC4wLCJIZWlnaHQiOjAuMCwiQm9yZGVyU3R5bGUiOnsiJGlkIjoiNTA1IiwiTGluZUNvbG9yIjpudWxsLCJMaW5lV2VpZ2h0IjowLjAsIkxpbmVUeXBlIjowLCJQYXJlbnRTdHlsZSI6bnVsbH0sIlBhcmVudFN0eWxlIjpudWxsfSwiRGF0ZUZvcm1hdCI6eyIkaWQiOiI1MD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4LCJGb250TmFtZSI6IkFyaWFsIiwiSXNCb2xkIjpmYWxzZSwiSXNJdGFsaWMiOmZhbHNlLCJJc1VuZGVybGluZWQiOmZhbHNlLCJQYXJlbnRTdHlsZSI6bnVsbH0sIkF1dG9TaXplIjowLCJGb3JlZ3JvdW5kIjp7IiRpZCI6IjUzMyIsIkNvbG9yIjp7IiRpZCI6IjUzNC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yZWYiOiI0NzIifSwiSXNWaXNpYmxlIjp0cnVlLCJXaWR0aCI6MC4wLCJIZWlnaHQiOjAuMCwiQm9yZGVyU3R5bGUiOnsiJGlkIjoiNTM3IiwiTGluZUNvbG9yIjpudWxsLCJMaW5lV2VpZ2h0IjowLjAsIkxpbmVUeXBlIjowLCJQYXJlbnRTdHlsZSI6bnVsbH0sIlBhcmVudFN0eWxlIjpudWxsfSwiRGF0ZUZvcm1hdCI6eyIkaWQiOiI1Mz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nsiJHJlZiI6IjQ3MiJ9LCJJc1Zpc2libGUiOnRydWUsIldpZHRoIjowLjAsIkhlaWdodCI6MC4wLCJCb3JkZXJTdHlsZSI6eyIkaWQiOiI1NjkiLCJMaW5lQ29sb3IiOm51bGwsIkxpbmVXZWlnaHQiOjAuMCwiTGluZVR5cGUiOjAsIlBhcmVudFN0eWxlIjpudWxsfSwiUGFyZW50U3R5bGUiOm51bGx9LCJEYXRlRm9ybWF0Ijp7IiRpZCI6IjU3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pZCI6IjYzMSIsIlRvcCI6MC4wLCJMZWZ0IjowLjAsIlJpZ2h0IjowLjAsIkJvdHRvbSI6MC4wfSwiUGFkZGluZyI6eyIkaWQiOiI2MzIiLCJUb3AiOjAuMCwiTGVmdCI6MC4wLCJSaWdodCI6MC4wLCJCb3R0b20iOjAuMH0sIkJhY2tncm91bmQiOnsiJHJlZiI6IjQ3MiJ9LCJJc1Zpc2libGUiOnRydWUsIldpZHRoIjowLjAsIkhlaWdodCI6MC4wLCJCb3JkZXJTdHlsZSI6eyIkaWQiOiI2MzMiLCJMaW5lQ29sb3IiOm51bGwsIkxpbmVXZWlnaHQiOjAuMCwiTGluZVR5cGUiOjAsIlBhcmVudFN0eWxlIjpudWxsfSwiUGFyZW50U3R5bGUiOm51bGx9LCJEYXRlRm9ybWF0Ijp7IiRpZCI6IjYz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2NzQiLCJUb3AiOjAuMCwiTGVmdCI6MC4wLCJSaWdodCI6MC4wLCJCb3R0b20iOjAuMH0sIlBhZGRpbmciOnsiJGlkIjoiNjc1IiwiVG9wIjowLjAsIkxlZnQiOjAuMCwiUmlnaHQiOjAuMCwiQm90dG9tIjowLjB9LCJCYWNrZ3JvdW5kIjp7IiRpZCI6IjY3NiIsIkNvbG9yIjp7IiRyZWYiOiI0NSJ9fSwiSXNWaXNpYmxlIjp0cnVlLCJXaWR0aCI6MC4wLCJIZWlnaHQiOjAuMCwiQm9yZGVyU3R5bGUiOnsiJGlkIjoiNjc3IiwiTGluZUNvbG9yIjpudWxsLCJMaW5lV2VpZ2h0IjowLjAsIkxpbmVUeXBlIjowLCJQYXJlbnRTdHlsZSI6bnVsbH0sIlBhcmVudFN0eWxlIjpudWxsfSwiRGF0ZV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Y4MiIsIlRvcCI6MC4wLCJMZWZ0IjowLjAsIlJpZ2h0IjowLjAsIkJvdHRvbSI6MC4wfSwiUGFkZGluZyI6eyIkaWQiOiI2ODMiLCJUb3AiOjAuMCwiTGVmdCI6MC4wLCJSaWdodCI6MC4wLCJCb3R0b20iOjAuMH0sIkJhY2tncm91bmQiOnsiJGlkIjoiNjg0IiwiQ29sb3IiOnsiJHJlZiI6IjQ1In19LCJJc1Zpc2libGUiOmZhbHNlLCJXaWR0aCI6MC4wLCJIZWlnaHQiOjAuMCwiQm9yZGVyU3R5bGUiOnsiJGlkIjoiNjg1IiwiTGluZUNvbG9yIjpudWxsLCJMaW5lV2VpZ2h0IjowLjAsIkxpbmVUeXBlIjowLCJQYXJlbnRTdHlsZSI6bnVsbH0sIlBhcmVudFN0eWxlIjpudWxsfSwiRGF0ZUZvcm1hdCI6eyIkaWQiOiI2OD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cmVmIjoiNjU1In0sIklzVmlzaWJsZSI6dHJ1ZSwiV2lkdGgiOjAuMCwiSGVpZ2h0IjowLjAsIkJvcmRlclN0eWxlIjp7IiRpZCI6Ijk3NyIsIkxpbmVDb2xvciI6bnVsbCwiTGluZVdlaWdodCI6MC4wLCJMaW5lVHlwZSI6MCwiUGFyZW50U3R5bGUiOm51bGx9LCJQYXJlbnRTdHlsZSI6bnVsbH0sIkhvcml6b250YWxDb25uZWN0b3JTdHlsZSI6eyIkaWQiOiI5NzgiLCJMaW5lQ29sb3IiOnsiJHJlZiI6IjY1OCJ9LCJMaW5lV2VpZ2h0IjoxLjAsIkxpbmVUeXBlIjowLCJQYXJlbnRTdHlsZSI6bnVsbH0sIlZlcnRpY2FsQ29ubmVjdG9yU3R5bGUiOnsiJGlkIjoiOTc5IiwiTGluZUNvbG9yIjp7IiRyZWYiOiI2NjE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cmVmIjoiNjg0In0sIklzVmlzaWJsZSI6ZmFsc2UsIldpZHRoIjowLjAsIkhlaWdodCI6MC4wLCJCb3JkZXJTdHlsZSI6eyIkaWQiOiIxMTE1IiwiTGluZUNvbG9yIjpudWxsLCJMaW5lV2VpZ2h0IjowLjAsIkxpbmVUeXBlIjowLCJQYXJlbnRTdHlsZSI6bnVsbH0sIlBhcmVudFN0eWxlIjpudWxsfSwiRGF0ZUZvcm1hdCI6eyIkaWQiOiIxMTE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4LCJGb250TmFtZSI6IkFyaWFsIiwiSXNCb2xkIjpmYWxzZSwiSXNJdGFsaWMiOmZhbHNlLCJJc1VuZGVybGluZWQiOmZhbHNlLCJQYXJlbnRTdHlsZSI6bnVsbH0sIkF1dG9TaXplIjowLCJGb3JlZ3JvdW5kIjp7IiRpZCI6IjEzNjMiLCJDb2xvciI6eyIkaWQiOiIxMzY0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cmVmIjoiNjU1In0sIklzVmlzaWJsZSI6dHJ1ZSwiV2lkdGgiOjAuMCwiSGVpZ2h0IjowLjAsIkJvcmRlclN0eWxlIjp7IiRpZCI6IjEzNjciLCJMaW5lQ29sb3IiOm51bGwsIkxpbmVXZWlnaHQiOjAuMCwiTGluZVR5cGUiOjAsIlBhcmVudFN0eWxlIjpudWxsfSwiUGFyZW50U3R5bGUiOm51bGx9LCJIb3Jpem9udGFsQ29ubmVjdG9yU3R5bGUiOnsiJGlkIjoiMTM2OCIsIkxpbmVDb2xvciI6eyIkcmVmIjoiNjU4In0sIkxpbmVXZWlnaHQiOjEuMCwiTGluZVR5cGUiOjAsIlBhcmVudFN0eWxlIjpudWxsfSwiVmVydGljYWxDb25uZWN0b3JTdHlsZSI6eyIkaWQiOiIxMzY5IiwiTGluZUNvbG9yIjp7IiRyZWYiOiI2NjE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E3OCxcIkdcIjoxNCxcIkJcIjoxO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AsXCJTZWdtZW50VGV4dFN0eWxlXCI6e1wiJGlkXCI6XCIyNFwiLFwiRm9udFNldHRpbmdzXCI6e1wiJGlkXCI6XCIyNVwiLFwiRm9udFNpemVcIjo5LFwiRm9udE5hbWVcIjpcIkFyaWFs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1LjAsXCJMZWZ0XCI6MC4wLFwiUmlnaHRcIjowLjAsXCJCb3R0b21cIjo1LjB9LFwiQmFja2dyb3VuZFwiOntcIiRpZFwiOlwiMzFcIixcIkNvbG9yXCI6e1wiJGlkXCI6XCIzMlwiLFwiQVwiOjI1NSxcIlJcIjo2OCxcIkdcIjo3NyxcIkJcIjozOH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MjYsXCJHXCI6MjM5LFwiQlwiOjIxNn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gsXCJGb250TmFtZVwiOlwiQXJpYWxcIixcIklzQm9sZFwiOmZhbHNlLFwiSXNJdGFsaWNcIjpmYWxzZSxcIklzVW5kZXJsaW5lZFwiOmZhbHNlfSxcIkZvcmVncm91bmRcIjp7XCIkaWRcIjpcIjU0XCIsXCJDb2xvclwiOntcIiRpZFwiOlwiNTVcIixcIkFcIjoyNTUsXCJSXCI6MTY1LFwiR1wiOjE4MSxcIkJcIjoxNDZ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AsXCJFbmREYXRlUG9zaXRpb25cIjowLFwiVGl0bGVQb3NpdGlvblwiOjQsXCJEdXJhdGlvblBvc2l0aW9uXCI6MyxcIlBlcmNlbnRhZ2VDb21wbGV0ZWRQb3NpdGlvblwiOjA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NjgsXCJHXCI6NzcsXCJCXCI6Mzh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0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NDMsXCJHXCI6MTY0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Q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0MyxcIkdcIjoxNjQ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kNzFiMTMxYi05OTZkLTRmNDgtODE4NS00ZGFmZGU4MGZiZDZ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2OCxcIkdcIjo3NyxcIkJcIjozO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2OCxcIkdcIjo3NyxcIkJcIjozO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NjgsXCJHXCI6NzcsXCJCXCI6Mz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NjgsXCJHXCI6NzcsXCJCXCI6Mzh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jgsXCJHXCI6NzcsXCJCXCI6Mzh9fSxcIklzVmlzaWJsZVwiOnRydWUsXCJXaWR0aFwiOjE4LjAsXCJIZWlnaHRcIjoyMC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OSxcIkZvbnROYW1lXCI6XCJBcmlhbFwiLFwiSXNCb2xkXCI6dHJ1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BcmlhbF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wLFwiU2hhcGVUaGlja25lc3NcIjoxLFwiRHVyYXRpb25Gb3JtYXRcIjowLFwiUGVyY2VudGFnZUNvbXBsZXRlVGV4dFN0eWxlXCI6e1wiJGlkXCI6XCIxOTVcIixcIkZvbnRTZXR0aW5nc1wiOntcIiRpZFwiOlwiMTk2XCIsXCJGb250U2l6ZVwiOjksXCJGb250TmFtZVwiOlwiQXJpYWxcIixcIklzQm9sZFwiOmZhbHNlLFwiSXNJdGFsaWNcIjpmYWxzZSxcIklzVW5kZXJsaW5lZFwiOmZhbHNlfSxcIkZvcmVncm91bmRcIjp7XCIkaWRcIjpcIjE5N1wiLFwiQ29sb3JcIjp7XCIkaWRcIjpcIjE5OFwiLFwiQVwiOjI1NSxcIlJcIjoyMzgsXCJHXCI6MjM2LFwiQlwiOjIyN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OSxcIkZvbnROYW1lXCI6XCJBcmlhbF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jgsXCJHXCI6NzcsXCJCXCI6Mzh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5LFwiRm9udE5hbWVcIjpcIkFyaWFs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OSxcIkZvbnROYW1lXCI6XCJBcmlhbF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Y4LFwiR1wiOjc3LFwiQlwiOjM4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ksXCJGb250TmFtZVwiOlwiQXJpYWx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ksXCJGb250TmFtZVwiOlwiQXJpYWx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kxLFwiR1wiOjE1NSxcIkJcIjoyMTN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jgsXCJHXCI6NzcsXCJCXCI6Mzh9LFwiQWNjZW50M1wiOntcIiRpZFwiOlwiMjc3XCIsXCJBXCI6MjU1LFwiUlwiOjY4LFwiR1wiOjc3LFwiQlwiOjM4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QzNCIsIkltcGFPcHRpb25zIjp7IiRpZCI6IjE0MzU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MzYiLCJVc2VUaW1lIjpmYWxzZSwiV29ya0RheVN0YXJ0IjoiMDA6MDA6MDAiLCJXb3JrRGF5RW5kIjoiMjM6NTk6MDAifSwiTGFzdFVzZWRUZW1wbGF0ZUlkIjoiNmFjMzFhMTQtMDBhNy00M2Q2LThhOTUtMTY1ZDM2N2EyODA1IiwiTGFzdFVzZWRUaGVtZURldGFpbHMiOnsiJGlkIjoiMTQzNyIsIklkIjoiNjViNTVjMTItOGVjNS00NTI0LTgyZjItZTMwNTc0OGQwMWM2IiwiVGl0bGUiOiJVbnRpdGxlZCB0aGVtZSIsIkNhdGVnb3J5IjoyfSwiRmlyc3RXZWVrT2ZZZWFyIjowLCJQbGFjZU1pbGVzdG9uZUF0VGhlQmVnaW5uaW5nT2ZUaGVEYXkiOmZhbHNlLCJEZXBlbmRlbmN5U2NoZWR1bGluZ1NldHRpbmdzIjp7IiRpZCI6IjE0Mzg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04-27T00:00:00.0000000Z"/>
  <p:tag name="OTLENDDATE" val="2024-05-02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05-01T00:00:00.0000000Z"/>
  <p:tag name="OTLENDDATE" val="2024-06-01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05-02T00:00:00.0000000Z"/>
  <p:tag name="OTLENDDATE" val="2024-05-14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05-07T00:00:00.0000000Z"/>
  <p:tag name="OTLENDDATE" val="2024-06-22T23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05-15T00:00:00.0000000Z"/>
  <p:tag name="OTLENDDATE" val="2024-06-08T23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06-01T00:00:00.0000000Z"/>
  <p:tag name="OTLENDDATE" val="2024-09-01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06-06T00:00:00.0000000Z"/>
  <p:tag name="OTLENDDATE" val="2026-01-10T23:59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08-01T00:00:00.0000000Z"/>
  <p:tag name="OTLENDDATE" val="2024-09-01T23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09-01T00:00:00.0000000Z"/>
  <p:tag name="OTLENDDATE" val="2025-10-01T23:59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10-17T00:00:00.0000000Z"/>
  <p:tag name="OTLENDDATE" val="2024-11-29T23:59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10-01T00:00:00.0000000Z"/>
  <p:tag name="OTLENDDATE" val="2025-05-30T23:59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4-11-11T00:00:00.0000000Z"/>
  <p:tag name="OTLENDDATE" val="2024-12-09T23:59:00.0000000Z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5-01-01T00:00:00.0000000Z"/>
  <p:tag name="OTLENDDATE" val="2025-06-30T23:59:00.0000000Z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5-01-02T00:00:00.0000000Z"/>
  <p:tag name="OTLENDDATE" val="2025-02-07T23:59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5-02-11T00:00:00.0000000Z"/>
  <p:tag name="OTLENDDATE" val="2025-03-14T23:59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5-03-05T00:00:00.0000000Z"/>
  <p:tag name="OTLENDDATE" val="2025-03-19T23:59:00.0000000Z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5-05-30T00:00:00.0000000Z"/>
  <p:tag name="OTLENDDATE" val="2025-09-30T23:59:00.0000000Z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5-09-01T00:00:00.0000000Z"/>
  <p:tag name="OTLENDDATE" val="2025-10-15T23:59:00.0000000Z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5-09-20T00:00:00.0000000Z"/>
  <p:tag name="OTLENDDATE" val="2025-11-25T23:59:00.0000000Z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mo"/>
  <p:tag name="OTLSPACING" val="3"/>
  <p:tag name="OTLSHAPETHICKNESSTYPE" val="Custom"/>
  <p:tag name="OTLWEEKNUMBERINGFORMAT" val="WNFormat1"/>
  <p:tag name="OTLWEEKNUMBERINGISVISIBLE" val="False"/>
  <p:tag name="OTLSTARTDATE" val="2025-10-30T00:00:00.0000000Z"/>
  <p:tag name="OTLENDDATE" val="2025-12-31T23:59:00.0000000Z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6-01-10T23:59:00.000000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1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4-04-10T23:59:00.000000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Start"/>
  <p:tag name="OTLPOSITIONONTASK" val="None"/>
  <p:tag name="OTLRELATEDTASKID" val="00000000-0000-0000-0000-000000000000"/>
  <p:tag name="OTLWEEKNUMBERINGFORMAT" val="WNFormat1"/>
  <p:tag name="OTLWEEKNUMBERINGISVISIBLE" val="False"/>
  <p:tag name="OTLDATE" val="2024-05-01T23:59:00.000000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4-07-31T23:59:00.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Finished"/>
  <p:tag name="OTLPOSITIONONTASK" val="None"/>
  <p:tag name="OTLRELATEDTASKID" val="00000000-0000-0000-0000-000000000000"/>
  <p:tag name="OTLWEEKNUMBERINGFORMAT" val="WNFormat1"/>
  <p:tag name="OTLWEEKNUMBERINGISVISIBLE" val="False"/>
  <p:tag name="OTLDATE" val="2025-06-16T23:59:00.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 Finished "/>
  <p:tag name="OTLPOSITIONONTASK" val="None"/>
  <p:tag name="OTLRELATEDTASKID" val="00000000-0000-0000-0000-000000000000"/>
  <p:tag name="OTLWEEKNUMBERINGFORMAT" val="WNFormat1"/>
  <p:tag name="OTLWEEKNUMBERINGISVISIBLE" val="False"/>
  <p:tag name="OTLDATE" val="2025-10-15T23:59:00.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1 Close"/>
  <p:tag name="OTLPOSITIONONTASK" val="None"/>
  <p:tag name="OTLRELATEDTASKID" val="00000000-0000-0000-0000-000000000000"/>
  <p:tag name="OTLWEEKNUMBERINGFORMAT" val="WNFormat1"/>
  <p:tag name="OTLWEEKNUMBERINGISVISIBLE" val="False"/>
  <p:tag name="OTLDATE" val="2026-01-01T23:59:00.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2</Words>
  <Application>Microsoft Office PowerPoint</Application>
  <PresentationFormat>Widescreen</PresentationFormat>
  <Paragraphs>7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10-16T14:09:27Z</dcterms:created>
  <dcterms:modified xsi:type="dcterms:W3CDTF">2024-10-24T09:41:28Z</dcterms:modified>
</cp:coreProperties>
</file>